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7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 localSheetId="0">#REF!</definedName>
    <definedName name="_A">'[2]2-(1)-1'!#REF!</definedName>
    <definedName name="_C" localSheetId="0">#REF!</definedName>
    <definedName name="_C">'[2]2-(1)-1'!#REF!</definedName>
    <definedName name="_E" localSheetId="0">#REF!</definedName>
    <definedName name="_E">'[2]2-(1)-1'!#REF!</definedName>
    <definedName name="_Fill" localSheetId="0" hidden="1">'[3]重心自閉(H11)'!#REF!</definedName>
    <definedName name="_Fill" hidden="1">'[3]重心自閉(H11)'!#REF!</definedName>
    <definedName name="_hh" hidden="1">'[3]重心自閉(H11)'!#REF!</definedName>
    <definedName name="_Key1" localSheetId="0" hidden="1">#REF!</definedName>
    <definedName name="_Key1" hidden="1">#REF!</definedName>
    <definedName name="_M" localSheetId="0">#REF!</definedName>
    <definedName name="_M">'[2]2-(1)-1'!#REF!</definedName>
    <definedName name="_N" localSheetId="0">#REF!</definedName>
    <definedName name="_N">'[2]2-(1)-1'!#REF!</definedName>
    <definedName name="_o" localSheetId="0">#REF!</definedName>
    <definedName name="_o">#REF!</definedName>
    <definedName name="_Order1" hidden="1">255</definedName>
    <definedName name="_P" localSheetId="0">#REF!</definedName>
    <definedName name="_P">'[2]2-(1)-1'!#REF!</definedName>
    <definedName name="_Q" localSheetId="0">#REF!</definedName>
    <definedName name="_Q">'[2]2-(1)-1'!#REF!</definedName>
    <definedName name="_R" localSheetId="0">#REF!</definedName>
    <definedName name="_R">'[2]2-(1)-1'!#REF!</definedName>
    <definedName name="_Sort" localSheetId="0" hidden="1">'[3]重心自閉(H11)'!#REF!</definedName>
    <definedName name="_Sort" hidden="1">'[3]重心自閉(H11)'!#REF!</definedName>
    <definedName name="_T" localSheetId="0">#REF!</definedName>
    <definedName name="_T">#REF!</definedName>
    <definedName name="_U" localSheetId="0">#REF!</definedName>
    <definedName name="_U">'[2]2-(1)-1'!#REF!</definedName>
    <definedName name="_X" localSheetId="0">#REF!</definedName>
    <definedName name="_X">'[2]2-(1)-1'!#REF!</definedName>
    <definedName name="\a" localSheetId="0">#REF!</definedName>
    <definedName name="\a">#REF!</definedName>
    <definedName name="\i">#REF!</definedName>
    <definedName name="\s" localSheetId="0">#REF!</definedName>
    <definedName name="\s">#REF!</definedName>
    <definedName name="A" localSheetId="0">#REF!</definedName>
    <definedName name="A">#N/A</definedName>
    <definedName name="_xlnm.Print_Area" localSheetId="0">'5-7'!$A$1:$Q$39</definedName>
    <definedName name="_xlnm.Print_Area">#REF!</definedName>
    <definedName name="Print_Area_MI" localSheetId="0">#REF!</definedName>
    <definedName name="Print_Area_MI">#REF!</definedName>
    <definedName name="table1">'[4]13表'!$E$13:$J$18</definedName>
    <definedName name="test1">'[4]13表'!$E$13:$H$17</definedName>
    <definedName name="Z_C27FC36F_7DA4_4822_860B_0B3D8B2EC982_.wvu.PrintArea" localSheetId="0" hidden="1">'5-7'!$A$1:$Q$39</definedName>
    <definedName name="あ" localSheetId="0">#REF!</definedName>
    <definedName name="あ">#REF!</definedName>
    <definedName name="し" localSheetId="0">#REF!</definedName>
    <definedName name="し">#REF!</definedName>
    <definedName name="たかし">'[4]13表'!$E$13:$H$17</definedName>
    <definedName name="第_6_精神手帳交付" localSheetId="0">#REF!</definedName>
    <definedName name="第_6_精神手帳交付">#REF!</definedName>
    <definedName name="第33_環境衛生.食品" localSheetId="0">#REF!</definedName>
    <definedName name="第33_環境衛生.食品">#REF!</definedName>
    <definedName name="第34_医療監視" localSheetId="0">#REF!</definedName>
    <definedName name="第34_医療監視">#REF!</definedName>
    <definedName name="第35_医療法人" localSheetId="0">#REF!</definedName>
    <definedName name="第35_医療法人">#REF!</definedName>
    <definedName name="第46_薬局" localSheetId="0">#REF!</definedName>
    <definedName name="第46_薬局">#REF!</definedName>
    <definedName name="第47_薬事監視" localSheetId="0">#REF!</definedName>
    <definedName name="第47_薬事監視">#REF!</definedName>
    <definedName name="第48_毒劇物監視" localSheetId="0">#REF!</definedName>
    <definedName name="第48_毒劇物監視">#REF!</definedName>
    <definedName name="不明" localSheetId="0">#REF!</definedName>
    <definedName name="不明">#REF!</definedName>
    <definedName name="有名" localSheetId="0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4" i="1" l="1"/>
  <c r="P4" i="1"/>
  <c r="O4" i="1"/>
  <c r="N4" i="1"/>
  <c r="M4" i="1"/>
  <c r="L4" i="1"/>
  <c r="K4" i="1"/>
  <c r="J4" i="1"/>
  <c r="I4" i="1"/>
  <c r="H4" i="1"/>
  <c r="G4" i="1"/>
  <c r="F4" i="1"/>
  <c r="E4" i="1"/>
  <c r="D4" i="1"/>
  <c r="C4" i="1"/>
  <c r="B4" i="1"/>
</calcChain>
</file>

<file path=xl/sharedStrings.xml><?xml version="1.0" encoding="utf-8"?>
<sst xmlns="http://schemas.openxmlformats.org/spreadsheetml/2006/main" count="47" uniqueCount="47">
  <si>
    <t>5-7表　市町村における相談支援(相談支援を利用している障害者等の人数)</t>
    <rPh sb="5" eb="8">
      <t>シチョウソン</t>
    </rPh>
    <rPh sb="12" eb="14">
      <t>ソウダン</t>
    </rPh>
    <rPh sb="14" eb="16">
      <t>シエン</t>
    </rPh>
    <phoneticPr fontId="4"/>
  </si>
  <si>
    <t>令和５年3月31日現在（単位：人）</t>
    <rPh sb="0" eb="2">
      <t>レイワ</t>
    </rPh>
    <rPh sb="3" eb="4">
      <t>ネン</t>
    </rPh>
    <rPh sb="4" eb="5">
      <t>ヘイネン</t>
    </rPh>
    <rPh sb="5" eb="6">
      <t>ガツ</t>
    </rPh>
    <rPh sb="8" eb="9">
      <t>ニチ</t>
    </rPh>
    <rPh sb="9" eb="11">
      <t>ゲンザイ</t>
    </rPh>
    <phoneticPr fontId="4"/>
  </si>
  <si>
    <t>（相談支援を利用している障害者等の人数）</t>
    <phoneticPr fontId="4"/>
  </si>
  <si>
    <t>実人員</t>
    <rPh sb="0" eb="1">
      <t>ジツ</t>
    </rPh>
    <rPh sb="1" eb="3">
      <t>ジンイン</t>
    </rPh>
    <phoneticPr fontId="7"/>
  </si>
  <si>
    <t>身体障害</t>
    <rPh sb="0" eb="2">
      <t>シンタイ</t>
    </rPh>
    <rPh sb="2" eb="4">
      <t>ショウガイ</t>
    </rPh>
    <phoneticPr fontId="7"/>
  </si>
  <si>
    <t>重症心身障害</t>
    <rPh sb="0" eb="2">
      <t>ジュウショウ</t>
    </rPh>
    <rPh sb="2" eb="4">
      <t>シンシン</t>
    </rPh>
    <rPh sb="4" eb="5">
      <t>サワ</t>
    </rPh>
    <rPh sb="5" eb="6">
      <t>ガイ</t>
    </rPh>
    <phoneticPr fontId="7"/>
  </si>
  <si>
    <t>知的障害</t>
    <rPh sb="0" eb="2">
      <t>チテキ</t>
    </rPh>
    <rPh sb="2" eb="4">
      <t>ショウガイ</t>
    </rPh>
    <phoneticPr fontId="7"/>
  </si>
  <si>
    <t>精神障害</t>
    <rPh sb="0" eb="2">
      <t>セイシン</t>
    </rPh>
    <rPh sb="2" eb="4">
      <t>ショウガイ</t>
    </rPh>
    <phoneticPr fontId="7"/>
  </si>
  <si>
    <t>発達障害</t>
    <rPh sb="0" eb="2">
      <t>ハッタツ</t>
    </rPh>
    <rPh sb="2" eb="4">
      <t>ショウガイ</t>
    </rPh>
    <phoneticPr fontId="7"/>
  </si>
  <si>
    <t>高次脳機能障害</t>
    <rPh sb="0" eb="1">
      <t>タカ</t>
    </rPh>
    <rPh sb="1" eb="2">
      <t>ツギ</t>
    </rPh>
    <rPh sb="2" eb="3">
      <t>ノウ</t>
    </rPh>
    <rPh sb="3" eb="5">
      <t>キノウ</t>
    </rPh>
    <rPh sb="5" eb="7">
      <t>ショウガイ</t>
    </rPh>
    <phoneticPr fontId="7"/>
  </si>
  <si>
    <t>その他</t>
    <rPh sb="2" eb="3">
      <t>タ</t>
    </rPh>
    <phoneticPr fontId="7"/>
  </si>
  <si>
    <t>総計</t>
    <rPh sb="0" eb="2">
      <t>ソウケイ</t>
    </rPh>
    <phoneticPr fontId="4"/>
  </si>
  <si>
    <t>横浜市</t>
    <rPh sb="0" eb="3">
      <t>ヨコハマシ</t>
    </rPh>
    <phoneticPr fontId="4"/>
  </si>
  <si>
    <t>川崎市</t>
    <rPh sb="0" eb="3">
      <t>カワサキシ</t>
    </rPh>
    <phoneticPr fontId="4"/>
  </si>
  <si>
    <t>相模原市</t>
  </si>
  <si>
    <t>横須賀市</t>
  </si>
  <si>
    <t>平塚市</t>
    <rPh sb="0" eb="3">
      <t>ヒラツカシ</t>
    </rPh>
    <phoneticPr fontId="4"/>
  </si>
  <si>
    <t>鎌倉市</t>
    <rPh sb="0" eb="3">
      <t>カマクラシ</t>
    </rPh>
    <phoneticPr fontId="4"/>
  </si>
  <si>
    <t>藤沢市</t>
    <rPh sb="0" eb="3">
      <t>フジサワシ</t>
    </rPh>
    <phoneticPr fontId="4"/>
  </si>
  <si>
    <t>小田原市</t>
    <rPh sb="0" eb="4">
      <t>オダワラシ</t>
    </rPh>
    <phoneticPr fontId="4"/>
  </si>
  <si>
    <t>茅ヶ崎市</t>
    <rPh sb="0" eb="4">
      <t>チガサキシ</t>
    </rPh>
    <phoneticPr fontId="4"/>
  </si>
  <si>
    <t>逗子市</t>
    <rPh sb="0" eb="2">
      <t>ズシ</t>
    </rPh>
    <rPh sb="2" eb="3">
      <t>シ</t>
    </rPh>
    <phoneticPr fontId="4"/>
  </si>
  <si>
    <t>三浦市</t>
    <rPh sb="0" eb="3">
      <t>ミウラシ</t>
    </rPh>
    <phoneticPr fontId="4"/>
  </si>
  <si>
    <t>秦野市</t>
    <rPh sb="0" eb="3">
      <t>ハダノシ</t>
    </rPh>
    <phoneticPr fontId="4"/>
  </si>
  <si>
    <t>厚木市</t>
    <rPh sb="0" eb="3">
      <t>アツギシ</t>
    </rPh>
    <phoneticPr fontId="4"/>
  </si>
  <si>
    <t>大和市</t>
    <rPh sb="0" eb="3">
      <t>ヤマトシ</t>
    </rPh>
    <phoneticPr fontId="4"/>
  </si>
  <si>
    <t>伊勢原市</t>
    <rPh sb="0" eb="4">
      <t>イセハラシ</t>
    </rPh>
    <phoneticPr fontId="4"/>
  </si>
  <si>
    <t>海老名市</t>
    <rPh sb="0" eb="4">
      <t>エビナシ</t>
    </rPh>
    <phoneticPr fontId="4"/>
  </si>
  <si>
    <t>座間市</t>
    <rPh sb="0" eb="3">
      <t>ザマシ</t>
    </rPh>
    <phoneticPr fontId="4"/>
  </si>
  <si>
    <t>南足柄市</t>
    <rPh sb="0" eb="3">
      <t>ミナミアシガラ</t>
    </rPh>
    <rPh sb="3" eb="4">
      <t>シ</t>
    </rPh>
    <phoneticPr fontId="4"/>
  </si>
  <si>
    <t>綾瀬市</t>
    <rPh sb="0" eb="2">
      <t>アヤセ</t>
    </rPh>
    <rPh sb="2" eb="3">
      <t>シ</t>
    </rPh>
    <phoneticPr fontId="4"/>
  </si>
  <si>
    <t>葉山町</t>
    <rPh sb="0" eb="3">
      <t>ハヤママチ</t>
    </rPh>
    <phoneticPr fontId="4"/>
  </si>
  <si>
    <t>寒川町</t>
    <rPh sb="0" eb="3">
      <t>サムカワマチ</t>
    </rPh>
    <phoneticPr fontId="4"/>
  </si>
  <si>
    <t>大磯町</t>
    <rPh sb="0" eb="3">
      <t>オオイソマチ</t>
    </rPh>
    <phoneticPr fontId="4"/>
  </si>
  <si>
    <t>二宮町</t>
    <rPh sb="0" eb="3">
      <t>ニノミヤマチ</t>
    </rPh>
    <phoneticPr fontId="4"/>
  </si>
  <si>
    <t>中井町</t>
    <rPh sb="0" eb="3">
      <t>ナカイマチ</t>
    </rPh>
    <phoneticPr fontId="4"/>
  </si>
  <si>
    <t>大井町</t>
    <rPh sb="0" eb="3">
      <t>オオイマチ</t>
    </rPh>
    <phoneticPr fontId="4"/>
  </si>
  <si>
    <t>松田町</t>
    <rPh sb="0" eb="3">
      <t>マツダマチ</t>
    </rPh>
    <phoneticPr fontId="4"/>
  </si>
  <si>
    <t>山北町</t>
    <rPh sb="0" eb="3">
      <t>ヤマキタマチ</t>
    </rPh>
    <phoneticPr fontId="4"/>
  </si>
  <si>
    <t>開成町</t>
    <rPh sb="0" eb="3">
      <t>カイセイマチ</t>
    </rPh>
    <phoneticPr fontId="4"/>
  </si>
  <si>
    <t>箱根町</t>
    <rPh sb="0" eb="3">
      <t>ハコネマチ</t>
    </rPh>
    <phoneticPr fontId="4"/>
  </si>
  <si>
    <t>真鶴町</t>
    <rPh sb="0" eb="2">
      <t>マナヅル</t>
    </rPh>
    <rPh sb="2" eb="3">
      <t>マチ</t>
    </rPh>
    <phoneticPr fontId="4"/>
  </si>
  <si>
    <t>湯河原町</t>
    <rPh sb="0" eb="4">
      <t>ユガワラマチ</t>
    </rPh>
    <phoneticPr fontId="4"/>
  </si>
  <si>
    <t>愛川町</t>
    <rPh sb="0" eb="2">
      <t>アイカワ</t>
    </rPh>
    <rPh sb="2" eb="3">
      <t>マチ</t>
    </rPh>
    <phoneticPr fontId="4"/>
  </si>
  <si>
    <t>清川村</t>
    <rPh sb="0" eb="3">
      <t>キヨカワムラ</t>
    </rPh>
    <phoneticPr fontId="4"/>
  </si>
  <si>
    <t>資料：障害福祉課</t>
    <rPh sb="0" eb="2">
      <t>シリョウ</t>
    </rPh>
    <rPh sb="3" eb="5">
      <t>ショウガイ</t>
    </rPh>
    <rPh sb="5" eb="7">
      <t>フクシ</t>
    </rPh>
    <rPh sb="7" eb="8">
      <t>カ</t>
    </rPh>
    <phoneticPr fontId="4"/>
  </si>
  <si>
    <t>（注）（）内は、18才未満の児童数で内数</t>
    <rPh sb="1" eb="2">
      <t>チュウ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_(* #,##0_);_(* \(#,##0\);_(* &quot;-&quot;_);_(@_)"/>
    <numFmt numFmtId="177" formatCode="&quot;¥&quot;#,##0_);[Red]\(&quot;¥&quot;#,##0\)"/>
    <numFmt numFmtId="178" formatCode="&quot;(&quot;##,###&quot;)&quot;"/>
  </numFmts>
  <fonts count="11" x14ac:knownFonts="1">
    <font>
      <sz val="12"/>
      <color theme="1"/>
      <name val="ＭＳ 明朝"/>
      <family val="2"/>
      <charset val="128"/>
    </font>
    <font>
      <sz val="14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7"/>
      <name val="ＭＳ 明朝"/>
      <family val="1"/>
      <charset val="128"/>
    </font>
    <font>
      <sz val="10"/>
      <name val="メイリオ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theme="4" tint="-0.499984740745262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color theme="1"/>
      <name val="メイリオ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3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1" fontId="1" fillId="0" borderId="0"/>
    <xf numFmtId="177" fontId="6" fillId="0" borderId="0" applyFont="0" applyFill="0" applyBorder="0" applyAlignment="0" applyProtection="0"/>
    <xf numFmtId="1" fontId="1" fillId="0" borderId="0"/>
  </cellStyleXfs>
  <cellXfs count="64">
    <xf numFmtId="0" fontId="0" fillId="0" borderId="0" xfId="0">
      <alignment vertical="center"/>
    </xf>
    <xf numFmtId="0" fontId="2" fillId="2" borderId="1" xfId="1" applyNumberFormat="1" applyFont="1" applyFill="1" applyBorder="1" applyAlignment="1">
      <alignment vertical="center"/>
    </xf>
    <xf numFmtId="176" fontId="5" fillId="2" borderId="0" xfId="1" applyNumberFormat="1" applyFont="1" applyFill="1" applyAlignment="1">
      <alignment vertical="center"/>
    </xf>
    <xf numFmtId="176" fontId="2" fillId="2" borderId="0" xfId="1" applyNumberFormat="1" applyFont="1" applyFill="1" applyBorder="1" applyAlignment="1">
      <alignment vertical="center"/>
    </xf>
    <xf numFmtId="176" fontId="2" fillId="2" borderId="1" xfId="1" applyNumberFormat="1" applyFont="1" applyFill="1" applyBorder="1" applyAlignment="1">
      <alignment horizontal="right" vertical="center"/>
    </xf>
    <xf numFmtId="1" fontId="2" fillId="2" borderId="0" xfId="1" applyFont="1" applyFill="1" applyAlignment="1">
      <alignment vertical="center"/>
    </xf>
    <xf numFmtId="1" fontId="2" fillId="3" borderId="2" xfId="1" applyFont="1" applyFill="1" applyBorder="1" applyAlignment="1">
      <alignment vertical="center"/>
    </xf>
    <xf numFmtId="1" fontId="2" fillId="3" borderId="3" xfId="1" applyFont="1" applyFill="1" applyBorder="1" applyAlignment="1">
      <alignment vertical="center"/>
    </xf>
    <xf numFmtId="1" fontId="2" fillId="3" borderId="4" xfId="1" applyFont="1" applyFill="1" applyBorder="1" applyAlignment="1">
      <alignment vertical="center"/>
    </xf>
    <xf numFmtId="1" fontId="2" fillId="3" borderId="5" xfId="1" applyFont="1" applyFill="1" applyBorder="1" applyAlignment="1">
      <alignment vertical="center"/>
    </xf>
    <xf numFmtId="177" fontId="2" fillId="3" borderId="6" xfId="2" applyFont="1" applyFill="1" applyBorder="1" applyAlignment="1">
      <alignment horizontal="distributed" vertical="center" wrapText="1" justifyLastLine="1"/>
    </xf>
    <xf numFmtId="177" fontId="2" fillId="3" borderId="7" xfId="2" applyFont="1" applyFill="1" applyBorder="1" applyAlignment="1">
      <alignment horizontal="distributed" vertical="center" wrapText="1" justifyLastLine="1"/>
    </xf>
    <xf numFmtId="1" fontId="2" fillId="3" borderId="8" xfId="1" applyFont="1" applyFill="1" applyBorder="1" applyAlignment="1">
      <alignment horizontal="distributed" vertical="center" wrapText="1" justifyLastLine="1"/>
    </xf>
    <xf numFmtId="1" fontId="2" fillId="3" borderId="7" xfId="1" applyFont="1" applyFill="1" applyBorder="1" applyAlignment="1">
      <alignment horizontal="distributed" vertical="center" wrapText="1" justifyLastLine="1"/>
    </xf>
    <xf numFmtId="1" fontId="2" fillId="3" borderId="9" xfId="1" applyFont="1" applyFill="1" applyBorder="1" applyAlignment="1">
      <alignment horizontal="distributed" vertical="center" wrapText="1" justifyLastLine="1"/>
    </xf>
    <xf numFmtId="1" fontId="2" fillId="4" borderId="10" xfId="1" applyFont="1" applyFill="1" applyBorder="1" applyAlignment="1">
      <alignment horizontal="distributed" vertical="center" justifyLastLine="1"/>
    </xf>
    <xf numFmtId="176" fontId="8" fillId="4" borderId="11" xfId="1" applyNumberFormat="1" applyFont="1" applyFill="1" applyBorder="1" applyAlignment="1">
      <alignment vertical="center"/>
    </xf>
    <xf numFmtId="178" fontId="9" fillId="4" borderId="12" xfId="1" applyNumberFormat="1" applyFont="1" applyFill="1" applyBorder="1" applyAlignment="1">
      <alignment vertical="center"/>
    </xf>
    <xf numFmtId="176" fontId="8" fillId="4" borderId="13" xfId="1" applyNumberFormat="1" applyFont="1" applyFill="1" applyBorder="1" applyAlignment="1">
      <alignment vertical="center"/>
    </xf>
    <xf numFmtId="178" fontId="9" fillId="4" borderId="14" xfId="1" applyNumberFormat="1" applyFont="1" applyFill="1" applyBorder="1" applyAlignment="1">
      <alignment vertical="center"/>
    </xf>
    <xf numFmtId="1" fontId="2" fillId="2" borderId="0" xfId="1" applyFont="1" applyFill="1" applyBorder="1" applyAlignment="1">
      <alignment vertical="center"/>
    </xf>
    <xf numFmtId="1" fontId="10" fillId="0" borderId="15" xfId="1" applyFont="1" applyFill="1" applyBorder="1" applyAlignment="1">
      <alignment vertical="center"/>
    </xf>
    <xf numFmtId="176" fontId="5" fillId="0" borderId="16" xfId="1" applyNumberFormat="1" applyFont="1" applyFill="1" applyBorder="1" applyAlignment="1" applyProtection="1">
      <alignment vertical="center"/>
      <protection locked="0"/>
    </xf>
    <xf numFmtId="178" fontId="2" fillId="0" borderId="17" xfId="1" applyNumberFormat="1" applyFont="1" applyFill="1" applyBorder="1" applyAlignment="1" applyProtection="1">
      <alignment vertical="center"/>
      <protection locked="0"/>
    </xf>
    <xf numFmtId="176" fontId="5" fillId="0" borderId="18" xfId="1" applyNumberFormat="1" applyFont="1" applyFill="1" applyBorder="1" applyAlignment="1" applyProtection="1">
      <alignment vertical="center"/>
      <protection locked="0"/>
    </xf>
    <xf numFmtId="176" fontId="2" fillId="0" borderId="17" xfId="1" applyNumberFormat="1" applyFont="1" applyFill="1" applyBorder="1" applyAlignment="1" applyProtection="1">
      <alignment vertical="center"/>
      <protection locked="0"/>
    </xf>
    <xf numFmtId="178" fontId="2" fillId="0" borderId="19" xfId="1" applyNumberFormat="1" applyFont="1" applyFill="1" applyBorder="1" applyAlignment="1" applyProtection="1">
      <alignment vertical="center"/>
      <protection locked="0"/>
    </xf>
    <xf numFmtId="1" fontId="2" fillId="0" borderId="0" xfId="1" applyFont="1" applyFill="1" applyBorder="1" applyAlignment="1">
      <alignment vertical="center"/>
    </xf>
    <xf numFmtId="1" fontId="2" fillId="0" borderId="0" xfId="1" applyFont="1" applyFill="1" applyAlignment="1">
      <alignment vertical="center"/>
    </xf>
    <xf numFmtId="1" fontId="10" fillId="0" borderId="20" xfId="1" applyFont="1" applyFill="1" applyBorder="1" applyAlignment="1">
      <alignment vertical="center"/>
    </xf>
    <xf numFmtId="176" fontId="5" fillId="0" borderId="21" xfId="1" applyNumberFormat="1" applyFont="1" applyFill="1" applyBorder="1" applyAlignment="1" applyProtection="1">
      <alignment vertical="center"/>
      <protection locked="0"/>
    </xf>
    <xf numFmtId="178" fontId="2" fillId="0" borderId="22" xfId="1" applyNumberFormat="1" applyFont="1" applyFill="1" applyBorder="1" applyAlignment="1" applyProtection="1">
      <alignment vertical="center"/>
      <protection locked="0"/>
    </xf>
    <xf numFmtId="176" fontId="5" fillId="0" borderId="23" xfId="1" applyNumberFormat="1" applyFont="1" applyFill="1" applyBorder="1" applyAlignment="1" applyProtection="1">
      <alignment vertical="center"/>
      <protection locked="0"/>
    </xf>
    <xf numFmtId="176" fontId="2" fillId="0" borderId="22" xfId="1" applyNumberFormat="1" applyFont="1" applyFill="1" applyBorder="1" applyAlignment="1" applyProtection="1">
      <alignment vertical="center"/>
      <protection locked="0"/>
    </xf>
    <xf numFmtId="178" fontId="2" fillId="0" borderId="24" xfId="1" applyNumberFormat="1" applyFont="1" applyFill="1" applyBorder="1" applyAlignment="1" applyProtection="1">
      <alignment vertical="center"/>
      <protection locked="0"/>
    </xf>
    <xf numFmtId="176" fontId="2" fillId="2" borderId="22" xfId="1" applyNumberFormat="1" applyFont="1" applyFill="1" applyBorder="1" applyAlignment="1" applyProtection="1">
      <alignment vertical="center"/>
      <protection locked="0"/>
    </xf>
    <xf numFmtId="1" fontId="2" fillId="0" borderId="20" xfId="1" applyFont="1" applyFill="1" applyBorder="1" applyAlignment="1">
      <alignment vertical="center"/>
    </xf>
    <xf numFmtId="176" fontId="5" fillId="2" borderId="21" xfId="1" applyNumberFormat="1" applyFont="1" applyFill="1" applyBorder="1" applyAlignment="1" applyProtection="1">
      <alignment vertical="center"/>
      <protection locked="0"/>
    </xf>
    <xf numFmtId="178" fontId="2" fillId="2" borderId="22" xfId="1" applyNumberFormat="1" applyFont="1" applyFill="1" applyBorder="1" applyAlignment="1" applyProtection="1">
      <alignment vertical="center"/>
      <protection locked="0"/>
    </xf>
    <xf numFmtId="176" fontId="5" fillId="2" borderId="23" xfId="1" applyNumberFormat="1" applyFont="1" applyFill="1" applyBorder="1" applyAlignment="1" applyProtection="1">
      <alignment vertical="center"/>
      <protection locked="0"/>
    </xf>
    <xf numFmtId="178" fontId="2" fillId="2" borderId="24" xfId="1" applyNumberFormat="1" applyFont="1" applyFill="1" applyBorder="1" applyAlignment="1" applyProtection="1">
      <alignment vertical="center"/>
      <protection locked="0"/>
    </xf>
    <xf numFmtId="1" fontId="2" fillId="2" borderId="20" xfId="1" applyFont="1" applyFill="1" applyBorder="1" applyAlignment="1">
      <alignment vertical="center"/>
    </xf>
    <xf numFmtId="176" fontId="2" fillId="2" borderId="24" xfId="1" applyNumberFormat="1" applyFont="1" applyFill="1" applyBorder="1" applyAlignment="1" applyProtection="1">
      <alignment vertical="center"/>
      <protection locked="0"/>
    </xf>
    <xf numFmtId="178" fontId="2" fillId="2" borderId="22" xfId="1" applyNumberFormat="1" applyFont="1" applyFill="1" applyBorder="1" applyAlignment="1">
      <alignment vertical="center"/>
    </xf>
    <xf numFmtId="176" fontId="2" fillId="2" borderId="22" xfId="1" applyNumberFormat="1" applyFont="1" applyFill="1" applyBorder="1" applyAlignment="1">
      <alignment vertical="center"/>
    </xf>
    <xf numFmtId="178" fontId="2" fillId="2" borderId="24" xfId="1" applyNumberFormat="1" applyFont="1" applyFill="1" applyBorder="1" applyAlignment="1">
      <alignment vertical="center"/>
    </xf>
    <xf numFmtId="176" fontId="2" fillId="2" borderId="24" xfId="1" applyNumberFormat="1" applyFont="1" applyFill="1" applyBorder="1" applyAlignment="1">
      <alignment vertical="center"/>
    </xf>
    <xf numFmtId="1" fontId="2" fillId="5" borderId="20" xfId="1" applyFont="1" applyFill="1" applyBorder="1" applyAlignment="1">
      <alignment vertical="center"/>
    </xf>
    <xf numFmtId="1" fontId="2" fillId="2" borderId="25" xfId="1" applyFont="1" applyFill="1" applyBorder="1" applyAlignment="1">
      <alignment vertical="center"/>
    </xf>
    <xf numFmtId="176" fontId="5" fillId="2" borderId="26" xfId="1" applyNumberFormat="1" applyFont="1" applyFill="1" applyBorder="1" applyAlignment="1" applyProtection="1">
      <alignment vertical="center"/>
      <protection locked="0"/>
    </xf>
    <xf numFmtId="178" fontId="2" fillId="2" borderId="27" xfId="1" applyNumberFormat="1" applyFont="1" applyFill="1" applyBorder="1" applyAlignment="1" applyProtection="1">
      <alignment vertical="center"/>
      <protection locked="0"/>
    </xf>
    <xf numFmtId="176" fontId="5" fillId="2" borderId="28" xfId="1" applyNumberFormat="1" applyFont="1" applyFill="1" applyBorder="1" applyAlignment="1" applyProtection="1">
      <alignment vertical="center"/>
      <protection locked="0"/>
    </xf>
    <xf numFmtId="176" fontId="2" fillId="2" borderId="27" xfId="1" applyNumberFormat="1" applyFont="1" applyFill="1" applyBorder="1" applyAlignment="1" applyProtection="1">
      <alignment vertical="center"/>
      <protection locked="0"/>
    </xf>
    <xf numFmtId="178" fontId="2" fillId="2" borderId="29" xfId="1" applyNumberFormat="1" applyFont="1" applyFill="1" applyBorder="1" applyAlignment="1" applyProtection="1">
      <alignment vertical="center"/>
      <protection locked="0"/>
    </xf>
    <xf numFmtId="1" fontId="2" fillId="2" borderId="30" xfId="1" applyFont="1" applyFill="1" applyBorder="1" applyAlignment="1">
      <alignment vertical="center"/>
    </xf>
    <xf numFmtId="176" fontId="5" fillId="2" borderId="6" xfId="1" applyNumberFormat="1" applyFont="1" applyFill="1" applyBorder="1" applyAlignment="1" applyProtection="1">
      <alignment vertical="center"/>
      <protection locked="0"/>
    </xf>
    <xf numFmtId="178" fontId="2" fillId="2" borderId="7" xfId="1" applyNumberFormat="1" applyFont="1" applyFill="1" applyBorder="1" applyAlignment="1" applyProtection="1">
      <alignment vertical="center"/>
      <protection locked="0"/>
    </xf>
    <xf numFmtId="176" fontId="5" fillId="2" borderId="8" xfId="1" applyNumberFormat="1" applyFont="1" applyFill="1" applyBorder="1" applyAlignment="1" applyProtection="1">
      <alignment vertical="center"/>
      <protection locked="0"/>
    </xf>
    <xf numFmtId="176" fontId="2" fillId="2" borderId="7" xfId="1" applyNumberFormat="1" applyFont="1" applyFill="1" applyBorder="1" applyAlignment="1" applyProtection="1">
      <alignment vertical="center"/>
      <protection locked="0"/>
    </xf>
    <xf numFmtId="178" fontId="2" fillId="2" borderId="9" xfId="1" applyNumberFormat="1" applyFont="1" applyFill="1" applyBorder="1" applyAlignment="1" applyProtection="1">
      <alignment vertical="center"/>
      <protection locked="0"/>
    </xf>
    <xf numFmtId="1" fontId="2" fillId="2" borderId="0" xfId="1" applyFont="1" applyFill="1" applyBorder="1" applyAlignment="1">
      <alignment vertical="center"/>
    </xf>
    <xf numFmtId="176" fontId="5" fillId="2" borderId="0" xfId="1" applyNumberFormat="1" applyFont="1" applyFill="1" applyBorder="1" applyAlignment="1">
      <alignment vertical="center"/>
    </xf>
    <xf numFmtId="1" fontId="2" fillId="2" borderId="0" xfId="3" applyFont="1" applyFill="1" applyBorder="1" applyAlignment="1">
      <alignment vertical="center"/>
    </xf>
    <xf numFmtId="176" fontId="2" fillId="2" borderId="0" xfId="1" applyNumberFormat="1" applyFont="1" applyFill="1" applyAlignment="1">
      <alignment vertical="center"/>
    </xf>
  </cellXfs>
  <cellStyles count="4">
    <cellStyle name="通貨 2 2" xfId="2"/>
    <cellStyle name="標準" xfId="0" builtinId="0"/>
    <cellStyle name="標準 7" xfId="1"/>
    <cellStyle name="標準_5-10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41"/>
  <sheetViews>
    <sheetView showGridLines="0" tabSelected="1" view="pageBreakPreview" zoomScaleNormal="100" zoomScaleSheetLayoutView="100" workbookViewId="0">
      <pane xSplit="1" ySplit="3" topLeftCell="B4" activePane="bottomRight" state="frozen"/>
      <selection activeCell="J19" sqref="J19"/>
      <selection pane="topRight" activeCell="J19" sqref="J19"/>
      <selection pane="bottomLeft" activeCell="J19" sqref="J19"/>
      <selection pane="bottomRight" activeCell="M1" sqref="M1:Q1"/>
    </sheetView>
  </sheetViews>
  <sheetFormatPr defaultColWidth="8.09765625" defaultRowHeight="17.399999999999999" x14ac:dyDescent="0.2"/>
  <cols>
    <col min="1" max="1" width="8.296875" style="5" bestFit="1" customWidth="1"/>
    <col min="2" max="2" width="9.296875" style="2" customWidth="1"/>
    <col min="3" max="3" width="9.8984375" style="63" customWidth="1"/>
    <col min="4" max="4" width="8.19921875" style="2" customWidth="1"/>
    <col min="5" max="5" width="8.19921875" style="63" customWidth="1"/>
    <col min="6" max="6" width="8.19921875" style="2" customWidth="1"/>
    <col min="7" max="7" width="8.19921875" style="63" customWidth="1"/>
    <col min="8" max="8" width="8.19921875" style="2" customWidth="1"/>
    <col min="9" max="9" width="9.796875" style="63" customWidth="1"/>
    <col min="10" max="10" width="8.19921875" style="2" customWidth="1"/>
    <col min="11" max="11" width="8.19921875" style="63" customWidth="1"/>
    <col min="12" max="12" width="8.19921875" style="2" customWidth="1"/>
    <col min="13" max="13" width="8.19921875" style="63" customWidth="1"/>
    <col min="14" max="14" width="8.19921875" style="2" customWidth="1"/>
    <col min="15" max="15" width="8.19921875" style="63" customWidth="1"/>
    <col min="16" max="16" width="8.19921875" style="2" customWidth="1"/>
    <col min="17" max="17" width="8.19921875" style="63" customWidth="1"/>
    <col min="18" max="16384" width="8.09765625" style="5"/>
  </cols>
  <sheetData>
    <row r="1" spans="1:18" ht="18" thickBot="1" x14ac:dyDescent="0.25">
      <c r="A1" s="1" t="s">
        <v>0</v>
      </c>
      <c r="B1" s="1"/>
      <c r="C1" s="1"/>
      <c r="D1" s="1"/>
      <c r="E1" s="1"/>
      <c r="F1" s="1"/>
      <c r="G1" s="1"/>
      <c r="I1" s="3"/>
      <c r="K1" s="3"/>
      <c r="M1" s="4" t="s">
        <v>1</v>
      </c>
      <c r="N1" s="4"/>
      <c r="O1" s="4"/>
      <c r="P1" s="4"/>
      <c r="Q1" s="4"/>
    </row>
    <row r="2" spans="1:18" x14ac:dyDescent="0.2">
      <c r="A2" s="6"/>
      <c r="B2" s="7" t="s">
        <v>2</v>
      </c>
      <c r="C2" s="7"/>
      <c r="D2" s="7"/>
      <c r="E2" s="7"/>
      <c r="F2" s="7"/>
      <c r="G2" s="7"/>
      <c r="H2" s="7"/>
      <c r="I2" s="7"/>
      <c r="J2" s="7"/>
      <c r="K2" s="7"/>
      <c r="L2" s="7"/>
      <c r="M2" s="7"/>
      <c r="N2" s="7"/>
      <c r="O2" s="7"/>
      <c r="P2" s="7"/>
      <c r="Q2" s="8"/>
    </row>
    <row r="3" spans="1:18" ht="18" thickBot="1" x14ac:dyDescent="0.25">
      <c r="A3" s="9"/>
      <c r="B3" s="10" t="s">
        <v>3</v>
      </c>
      <c r="C3" s="11"/>
      <c r="D3" s="12" t="s">
        <v>4</v>
      </c>
      <c r="E3" s="13"/>
      <c r="F3" s="12" t="s">
        <v>5</v>
      </c>
      <c r="G3" s="13"/>
      <c r="H3" s="12" t="s">
        <v>6</v>
      </c>
      <c r="I3" s="13"/>
      <c r="J3" s="12" t="s">
        <v>7</v>
      </c>
      <c r="K3" s="13"/>
      <c r="L3" s="12" t="s">
        <v>8</v>
      </c>
      <c r="M3" s="13"/>
      <c r="N3" s="12" t="s">
        <v>9</v>
      </c>
      <c r="O3" s="13"/>
      <c r="P3" s="12" t="s">
        <v>10</v>
      </c>
      <c r="Q3" s="14"/>
    </row>
    <row r="4" spans="1:18" ht="18" thickBot="1" x14ac:dyDescent="0.25">
      <c r="A4" s="15" t="s">
        <v>11</v>
      </c>
      <c r="B4" s="16">
        <f t="shared" ref="B4:Q4" si="0">SUM(B5:B37)</f>
        <v>97190</v>
      </c>
      <c r="C4" s="17">
        <f t="shared" si="0"/>
        <v>16192</v>
      </c>
      <c r="D4" s="18">
        <f t="shared" si="0"/>
        <v>89314</v>
      </c>
      <c r="E4" s="17">
        <f t="shared" si="0"/>
        <v>3771</v>
      </c>
      <c r="F4" s="18">
        <f t="shared" si="0"/>
        <v>6837</v>
      </c>
      <c r="G4" s="17">
        <f t="shared" si="0"/>
        <v>1019</v>
      </c>
      <c r="H4" s="18">
        <f t="shared" si="0"/>
        <v>68599</v>
      </c>
      <c r="I4" s="17">
        <f t="shared" si="0"/>
        <v>17699</v>
      </c>
      <c r="J4" s="18">
        <f t="shared" si="0"/>
        <v>40374</v>
      </c>
      <c r="K4" s="17">
        <f t="shared" si="0"/>
        <v>767</v>
      </c>
      <c r="L4" s="18">
        <f t="shared" si="0"/>
        <v>8846</v>
      </c>
      <c r="M4" s="17">
        <f t="shared" si="0"/>
        <v>6424</v>
      </c>
      <c r="N4" s="18">
        <f t="shared" si="0"/>
        <v>1524</v>
      </c>
      <c r="O4" s="17">
        <f t="shared" si="0"/>
        <v>11</v>
      </c>
      <c r="P4" s="18">
        <f t="shared" si="0"/>
        <v>5323</v>
      </c>
      <c r="Q4" s="19">
        <f t="shared" si="0"/>
        <v>1334</v>
      </c>
      <c r="R4" s="20"/>
    </row>
    <row r="5" spans="1:18" s="28" customFormat="1" x14ac:dyDescent="0.2">
      <c r="A5" s="21" t="s">
        <v>12</v>
      </c>
      <c r="B5" s="22">
        <v>41111</v>
      </c>
      <c r="C5" s="23">
        <v>976</v>
      </c>
      <c r="D5" s="24">
        <v>71772</v>
      </c>
      <c r="E5" s="23">
        <v>1553</v>
      </c>
      <c r="F5" s="24">
        <v>5994</v>
      </c>
      <c r="G5" s="23">
        <v>611</v>
      </c>
      <c r="H5" s="24">
        <v>50919</v>
      </c>
      <c r="I5" s="23">
        <v>9664</v>
      </c>
      <c r="J5" s="24">
        <v>27463</v>
      </c>
      <c r="K5" s="23">
        <v>585</v>
      </c>
      <c r="L5" s="24">
        <v>3971</v>
      </c>
      <c r="M5" s="23">
        <v>3232</v>
      </c>
      <c r="N5" s="24">
        <v>1019</v>
      </c>
      <c r="O5" s="25">
        <v>0</v>
      </c>
      <c r="P5" s="24">
        <v>2452</v>
      </c>
      <c r="Q5" s="26">
        <v>4</v>
      </c>
      <c r="R5" s="27"/>
    </row>
    <row r="6" spans="1:18" s="28" customFormat="1" x14ac:dyDescent="0.2">
      <c r="A6" s="29" t="s">
        <v>13</v>
      </c>
      <c r="B6" s="30">
        <v>3096</v>
      </c>
      <c r="C6" s="31">
        <v>176</v>
      </c>
      <c r="D6" s="32">
        <v>367</v>
      </c>
      <c r="E6" s="31">
        <v>31</v>
      </c>
      <c r="F6" s="32">
        <v>58</v>
      </c>
      <c r="G6" s="31">
        <v>29</v>
      </c>
      <c r="H6" s="32">
        <v>1386</v>
      </c>
      <c r="I6" s="31">
        <v>67</v>
      </c>
      <c r="J6" s="32">
        <v>1124</v>
      </c>
      <c r="K6" s="31">
        <v>7</v>
      </c>
      <c r="L6" s="32">
        <v>46</v>
      </c>
      <c r="M6" s="31">
        <v>11</v>
      </c>
      <c r="N6" s="32">
        <v>30</v>
      </c>
      <c r="O6" s="33">
        <v>0</v>
      </c>
      <c r="P6" s="32">
        <v>85</v>
      </c>
      <c r="Q6" s="34">
        <v>31</v>
      </c>
      <c r="R6" s="27"/>
    </row>
    <row r="7" spans="1:18" s="28" customFormat="1" x14ac:dyDescent="0.2">
      <c r="A7" s="29" t="s">
        <v>14</v>
      </c>
      <c r="B7" s="30">
        <v>24246</v>
      </c>
      <c r="C7" s="31">
        <v>8434</v>
      </c>
      <c r="D7" s="32">
        <v>13601</v>
      </c>
      <c r="E7" s="31">
        <v>1876</v>
      </c>
      <c r="F7" s="32">
        <v>169</v>
      </c>
      <c r="G7" s="31">
        <v>85</v>
      </c>
      <c r="H7" s="32">
        <v>6571</v>
      </c>
      <c r="I7" s="31">
        <v>5469</v>
      </c>
      <c r="J7" s="32">
        <v>3008</v>
      </c>
      <c r="K7" s="31">
        <v>54</v>
      </c>
      <c r="L7" s="32">
        <v>562</v>
      </c>
      <c r="M7" s="31">
        <v>835</v>
      </c>
      <c r="N7" s="32">
        <v>66</v>
      </c>
      <c r="O7" s="31">
        <v>1</v>
      </c>
      <c r="P7" s="32">
        <v>309</v>
      </c>
      <c r="Q7" s="34">
        <v>128</v>
      </c>
      <c r="R7" s="27"/>
    </row>
    <row r="8" spans="1:18" s="28" customFormat="1" x14ac:dyDescent="0.2">
      <c r="A8" s="29" t="s">
        <v>15</v>
      </c>
      <c r="B8" s="30">
        <v>4938</v>
      </c>
      <c r="C8" s="31">
        <v>60</v>
      </c>
      <c r="D8" s="32">
        <v>680</v>
      </c>
      <c r="E8" s="31">
        <v>2</v>
      </c>
      <c r="F8" s="32">
        <v>66</v>
      </c>
      <c r="G8" s="35">
        <v>0</v>
      </c>
      <c r="H8" s="32">
        <v>1692</v>
      </c>
      <c r="I8" s="31">
        <v>48</v>
      </c>
      <c r="J8" s="32">
        <v>1878</v>
      </c>
      <c r="K8" s="31">
        <v>3</v>
      </c>
      <c r="L8" s="32">
        <v>508</v>
      </c>
      <c r="M8" s="31">
        <v>20</v>
      </c>
      <c r="N8" s="32">
        <v>99</v>
      </c>
      <c r="O8" s="33">
        <v>0</v>
      </c>
      <c r="P8" s="32">
        <v>583</v>
      </c>
      <c r="Q8" s="34">
        <v>8</v>
      </c>
      <c r="R8" s="27"/>
    </row>
    <row r="9" spans="1:18" s="28" customFormat="1" x14ac:dyDescent="0.2">
      <c r="A9" s="36" t="s">
        <v>16</v>
      </c>
      <c r="B9" s="37">
        <v>1889</v>
      </c>
      <c r="C9" s="38">
        <v>395</v>
      </c>
      <c r="D9" s="39">
        <v>251</v>
      </c>
      <c r="E9" s="38">
        <v>22</v>
      </c>
      <c r="F9" s="39">
        <v>40</v>
      </c>
      <c r="G9" s="38">
        <v>9</v>
      </c>
      <c r="H9" s="39">
        <v>829</v>
      </c>
      <c r="I9" s="38">
        <v>130</v>
      </c>
      <c r="J9" s="39">
        <v>443</v>
      </c>
      <c r="K9" s="38">
        <v>24</v>
      </c>
      <c r="L9" s="39">
        <v>218</v>
      </c>
      <c r="M9" s="38">
        <v>150</v>
      </c>
      <c r="N9" s="39">
        <v>32</v>
      </c>
      <c r="O9" s="35">
        <v>3</v>
      </c>
      <c r="P9" s="39">
        <v>76</v>
      </c>
      <c r="Q9" s="40">
        <v>57</v>
      </c>
      <c r="R9" s="27"/>
    </row>
    <row r="10" spans="1:18" x14ac:dyDescent="0.2">
      <c r="A10" s="41" t="s">
        <v>17</v>
      </c>
      <c r="B10" s="37">
        <v>416</v>
      </c>
      <c r="C10" s="38">
        <v>19</v>
      </c>
      <c r="D10" s="39">
        <v>25</v>
      </c>
      <c r="E10" s="38">
        <v>0</v>
      </c>
      <c r="F10" s="39">
        <v>0</v>
      </c>
      <c r="G10" s="35">
        <v>0</v>
      </c>
      <c r="H10" s="39">
        <v>74</v>
      </c>
      <c r="I10" s="38">
        <v>10</v>
      </c>
      <c r="J10" s="39">
        <v>289</v>
      </c>
      <c r="K10" s="38">
        <v>4</v>
      </c>
      <c r="L10" s="39">
        <v>16</v>
      </c>
      <c r="M10" s="38">
        <v>4</v>
      </c>
      <c r="N10" s="39">
        <v>5</v>
      </c>
      <c r="O10" s="35">
        <v>0</v>
      </c>
      <c r="P10" s="39">
        <v>7</v>
      </c>
      <c r="Q10" s="42">
        <v>1</v>
      </c>
      <c r="R10" s="20"/>
    </row>
    <row r="11" spans="1:18" x14ac:dyDescent="0.2">
      <c r="A11" s="41" t="s">
        <v>18</v>
      </c>
      <c r="B11" s="37">
        <v>1340</v>
      </c>
      <c r="C11" s="38">
        <v>45</v>
      </c>
      <c r="D11" s="39">
        <v>129</v>
      </c>
      <c r="E11" s="38">
        <v>5</v>
      </c>
      <c r="F11" s="39">
        <v>28</v>
      </c>
      <c r="G11" s="38">
        <v>2</v>
      </c>
      <c r="H11" s="39">
        <v>294</v>
      </c>
      <c r="I11" s="38">
        <v>28</v>
      </c>
      <c r="J11" s="39">
        <v>549</v>
      </c>
      <c r="K11" s="35">
        <v>3</v>
      </c>
      <c r="L11" s="39">
        <v>122</v>
      </c>
      <c r="M11" s="38">
        <v>4</v>
      </c>
      <c r="N11" s="39">
        <v>100</v>
      </c>
      <c r="O11" s="35">
        <v>1</v>
      </c>
      <c r="P11" s="39">
        <v>118</v>
      </c>
      <c r="Q11" s="40">
        <v>2</v>
      </c>
      <c r="R11" s="20"/>
    </row>
    <row r="12" spans="1:18" x14ac:dyDescent="0.2">
      <c r="A12" s="41" t="s">
        <v>19</v>
      </c>
      <c r="B12" s="37">
        <v>592</v>
      </c>
      <c r="C12" s="38">
        <v>84</v>
      </c>
      <c r="D12" s="39">
        <v>79</v>
      </c>
      <c r="E12" s="38">
        <v>7</v>
      </c>
      <c r="F12" s="39">
        <v>4</v>
      </c>
      <c r="G12" s="38">
        <v>4</v>
      </c>
      <c r="H12" s="39">
        <v>111</v>
      </c>
      <c r="I12" s="38">
        <v>31</v>
      </c>
      <c r="J12" s="39">
        <v>288</v>
      </c>
      <c r="K12" s="38">
        <v>5</v>
      </c>
      <c r="L12" s="39">
        <v>56</v>
      </c>
      <c r="M12" s="38">
        <v>21</v>
      </c>
      <c r="N12" s="39">
        <v>13</v>
      </c>
      <c r="O12" s="35">
        <v>1</v>
      </c>
      <c r="P12" s="39">
        <v>47</v>
      </c>
      <c r="Q12" s="40">
        <v>16</v>
      </c>
      <c r="R12" s="20"/>
    </row>
    <row r="13" spans="1:18" x14ac:dyDescent="0.2">
      <c r="A13" s="41" t="s">
        <v>20</v>
      </c>
      <c r="B13" s="37">
        <v>3751</v>
      </c>
      <c r="C13" s="38">
        <v>2251</v>
      </c>
      <c r="D13" s="39">
        <v>203</v>
      </c>
      <c r="E13" s="38">
        <v>92</v>
      </c>
      <c r="F13" s="39">
        <v>159</v>
      </c>
      <c r="G13" s="38">
        <v>137</v>
      </c>
      <c r="H13" s="39">
        <v>1669</v>
      </c>
      <c r="I13" s="38">
        <v>1095</v>
      </c>
      <c r="J13" s="39">
        <v>538</v>
      </c>
      <c r="K13" s="38">
        <v>4</v>
      </c>
      <c r="L13" s="39">
        <v>995</v>
      </c>
      <c r="M13" s="38">
        <v>840</v>
      </c>
      <c r="N13" s="39">
        <v>2</v>
      </c>
      <c r="O13" s="35">
        <v>0</v>
      </c>
      <c r="P13" s="39">
        <v>175</v>
      </c>
      <c r="Q13" s="40">
        <v>73</v>
      </c>
      <c r="R13" s="20"/>
    </row>
    <row r="14" spans="1:18" x14ac:dyDescent="0.2">
      <c r="A14" s="41" t="s">
        <v>21</v>
      </c>
      <c r="B14" s="37">
        <v>140</v>
      </c>
      <c r="C14" s="38">
        <v>17</v>
      </c>
      <c r="D14" s="39">
        <v>11</v>
      </c>
      <c r="E14" s="35">
        <v>2</v>
      </c>
      <c r="F14" s="39">
        <v>0</v>
      </c>
      <c r="G14" s="35">
        <v>0</v>
      </c>
      <c r="H14" s="39">
        <v>26</v>
      </c>
      <c r="I14" s="38">
        <v>4</v>
      </c>
      <c r="J14" s="39">
        <v>81</v>
      </c>
      <c r="K14" s="38">
        <v>1</v>
      </c>
      <c r="L14" s="39">
        <v>6</v>
      </c>
      <c r="M14" s="38">
        <v>3</v>
      </c>
      <c r="N14" s="39">
        <v>5</v>
      </c>
      <c r="O14" s="35">
        <v>0</v>
      </c>
      <c r="P14" s="39">
        <v>22</v>
      </c>
      <c r="Q14" s="40">
        <v>8</v>
      </c>
      <c r="R14" s="20"/>
    </row>
    <row r="15" spans="1:18" x14ac:dyDescent="0.2">
      <c r="A15" s="41" t="s">
        <v>22</v>
      </c>
      <c r="B15" s="37">
        <v>1285</v>
      </c>
      <c r="C15" s="38">
        <v>74</v>
      </c>
      <c r="D15" s="39">
        <v>595</v>
      </c>
      <c r="E15" s="38">
        <v>6</v>
      </c>
      <c r="F15" s="39">
        <v>14</v>
      </c>
      <c r="G15" s="38">
        <v>1</v>
      </c>
      <c r="H15" s="39">
        <v>253</v>
      </c>
      <c r="I15" s="38">
        <v>53</v>
      </c>
      <c r="J15" s="39">
        <v>412</v>
      </c>
      <c r="K15" s="38">
        <v>2</v>
      </c>
      <c r="L15" s="39">
        <v>30</v>
      </c>
      <c r="M15" s="38">
        <v>17</v>
      </c>
      <c r="N15" s="39">
        <v>5</v>
      </c>
      <c r="O15" s="35">
        <v>0</v>
      </c>
      <c r="P15" s="39">
        <v>12</v>
      </c>
      <c r="Q15" s="40">
        <v>6</v>
      </c>
      <c r="R15" s="20"/>
    </row>
    <row r="16" spans="1:18" x14ac:dyDescent="0.2">
      <c r="A16" s="41" t="s">
        <v>23</v>
      </c>
      <c r="B16" s="37">
        <v>447</v>
      </c>
      <c r="C16" s="38">
        <v>35</v>
      </c>
      <c r="D16" s="39">
        <v>40</v>
      </c>
      <c r="E16" s="38">
        <v>1</v>
      </c>
      <c r="F16" s="39">
        <v>2</v>
      </c>
      <c r="G16" s="38">
        <v>0</v>
      </c>
      <c r="H16" s="39">
        <v>178</v>
      </c>
      <c r="I16" s="38">
        <v>22</v>
      </c>
      <c r="J16" s="39">
        <v>95</v>
      </c>
      <c r="K16" s="38">
        <v>0</v>
      </c>
      <c r="L16" s="39">
        <v>48</v>
      </c>
      <c r="M16" s="38">
        <v>6</v>
      </c>
      <c r="N16" s="39">
        <v>11</v>
      </c>
      <c r="O16" s="35">
        <v>0</v>
      </c>
      <c r="P16" s="39">
        <v>73</v>
      </c>
      <c r="Q16" s="40">
        <v>6</v>
      </c>
      <c r="R16" s="20"/>
    </row>
    <row r="17" spans="1:18" x14ac:dyDescent="0.2">
      <c r="A17" s="41" t="s">
        <v>24</v>
      </c>
      <c r="B17" s="37">
        <v>2075</v>
      </c>
      <c r="C17" s="38">
        <v>221</v>
      </c>
      <c r="D17" s="39">
        <v>357</v>
      </c>
      <c r="E17" s="38">
        <v>25</v>
      </c>
      <c r="F17" s="39">
        <v>35</v>
      </c>
      <c r="G17" s="38">
        <v>7</v>
      </c>
      <c r="H17" s="39">
        <v>739</v>
      </c>
      <c r="I17" s="38">
        <v>74</v>
      </c>
      <c r="J17" s="39">
        <v>768</v>
      </c>
      <c r="K17" s="35">
        <v>13</v>
      </c>
      <c r="L17" s="39">
        <v>229</v>
      </c>
      <c r="M17" s="38">
        <v>86</v>
      </c>
      <c r="N17" s="39">
        <v>30</v>
      </c>
      <c r="O17" s="35">
        <v>0</v>
      </c>
      <c r="P17" s="39">
        <v>126</v>
      </c>
      <c r="Q17" s="40">
        <v>30</v>
      </c>
      <c r="R17" s="20"/>
    </row>
    <row r="18" spans="1:18" x14ac:dyDescent="0.2">
      <c r="A18" s="41" t="s">
        <v>25</v>
      </c>
      <c r="B18" s="37">
        <v>4208</v>
      </c>
      <c r="C18" s="38">
        <v>1431</v>
      </c>
      <c r="D18" s="39">
        <v>330</v>
      </c>
      <c r="E18" s="38">
        <v>56</v>
      </c>
      <c r="F18" s="39">
        <v>153</v>
      </c>
      <c r="G18" s="38">
        <v>70</v>
      </c>
      <c r="H18" s="39">
        <v>956</v>
      </c>
      <c r="I18" s="38">
        <v>223</v>
      </c>
      <c r="J18" s="39">
        <v>1041</v>
      </c>
      <c r="K18" s="38">
        <v>7</v>
      </c>
      <c r="L18" s="39">
        <v>1134</v>
      </c>
      <c r="M18" s="38">
        <v>678</v>
      </c>
      <c r="N18" s="39">
        <v>36</v>
      </c>
      <c r="O18" s="35">
        <v>0</v>
      </c>
      <c r="P18" s="39">
        <v>558</v>
      </c>
      <c r="Q18" s="40">
        <v>397</v>
      </c>
      <c r="R18" s="20"/>
    </row>
    <row r="19" spans="1:18" x14ac:dyDescent="0.2">
      <c r="A19" s="41" t="s">
        <v>26</v>
      </c>
      <c r="B19" s="37">
        <v>2953</v>
      </c>
      <c r="C19" s="43">
        <v>1156</v>
      </c>
      <c r="D19" s="39">
        <v>291</v>
      </c>
      <c r="E19" s="43">
        <v>42</v>
      </c>
      <c r="F19" s="39">
        <v>49</v>
      </c>
      <c r="G19" s="43">
        <v>33</v>
      </c>
      <c r="H19" s="39">
        <v>1090</v>
      </c>
      <c r="I19" s="43">
        <v>314</v>
      </c>
      <c r="J19" s="39">
        <v>745</v>
      </c>
      <c r="K19" s="43">
        <v>13</v>
      </c>
      <c r="L19" s="39">
        <v>256</v>
      </c>
      <c r="M19" s="43">
        <v>246</v>
      </c>
      <c r="N19" s="39">
        <v>6</v>
      </c>
      <c r="O19" s="44">
        <v>0</v>
      </c>
      <c r="P19" s="39">
        <v>516</v>
      </c>
      <c r="Q19" s="45">
        <v>508</v>
      </c>
      <c r="R19" s="20"/>
    </row>
    <row r="20" spans="1:18" x14ac:dyDescent="0.2">
      <c r="A20" s="41" t="s">
        <v>27</v>
      </c>
      <c r="B20" s="37">
        <v>788</v>
      </c>
      <c r="C20" s="44">
        <v>0</v>
      </c>
      <c r="D20" s="39">
        <v>68</v>
      </c>
      <c r="E20" s="44">
        <v>0</v>
      </c>
      <c r="F20" s="39">
        <v>0</v>
      </c>
      <c r="G20" s="44">
        <v>0</v>
      </c>
      <c r="H20" s="39">
        <v>286</v>
      </c>
      <c r="I20" s="44">
        <v>0</v>
      </c>
      <c r="J20" s="39">
        <v>350</v>
      </c>
      <c r="K20" s="44">
        <v>0</v>
      </c>
      <c r="L20" s="39">
        <v>61</v>
      </c>
      <c r="M20" s="44">
        <v>0</v>
      </c>
      <c r="N20" s="39">
        <v>14</v>
      </c>
      <c r="O20" s="44">
        <v>0</v>
      </c>
      <c r="P20" s="39">
        <v>9</v>
      </c>
      <c r="Q20" s="46">
        <v>0</v>
      </c>
      <c r="R20" s="20"/>
    </row>
    <row r="21" spans="1:18" x14ac:dyDescent="0.2">
      <c r="A21" s="41" t="s">
        <v>28</v>
      </c>
      <c r="B21" s="37">
        <v>479</v>
      </c>
      <c r="C21" s="38">
        <v>62</v>
      </c>
      <c r="D21" s="39">
        <v>54</v>
      </c>
      <c r="E21" s="38">
        <v>6</v>
      </c>
      <c r="F21" s="39">
        <v>12</v>
      </c>
      <c r="G21" s="38">
        <v>5</v>
      </c>
      <c r="H21" s="39">
        <v>202</v>
      </c>
      <c r="I21" s="38">
        <v>26</v>
      </c>
      <c r="J21" s="39">
        <v>136</v>
      </c>
      <c r="K21" s="38">
        <v>2</v>
      </c>
      <c r="L21" s="39">
        <v>66</v>
      </c>
      <c r="M21" s="38">
        <v>20</v>
      </c>
      <c r="N21" s="39">
        <v>3</v>
      </c>
      <c r="O21" s="35">
        <v>0</v>
      </c>
      <c r="P21" s="39">
        <v>35</v>
      </c>
      <c r="Q21" s="40">
        <v>6</v>
      </c>
      <c r="R21" s="20"/>
    </row>
    <row r="22" spans="1:18" x14ac:dyDescent="0.2">
      <c r="A22" s="41" t="s">
        <v>29</v>
      </c>
      <c r="B22" s="37">
        <v>81</v>
      </c>
      <c r="C22" s="38">
        <v>8</v>
      </c>
      <c r="D22" s="39">
        <v>4</v>
      </c>
      <c r="E22" s="35">
        <v>0</v>
      </c>
      <c r="F22" s="39">
        <v>0</v>
      </c>
      <c r="G22" s="35">
        <v>0</v>
      </c>
      <c r="H22" s="39">
        <v>27</v>
      </c>
      <c r="I22" s="38">
        <v>7</v>
      </c>
      <c r="J22" s="39">
        <v>36</v>
      </c>
      <c r="K22" s="35">
        <v>1</v>
      </c>
      <c r="L22" s="39">
        <v>6</v>
      </c>
      <c r="M22" s="38">
        <v>0</v>
      </c>
      <c r="N22" s="39">
        <v>2</v>
      </c>
      <c r="O22" s="35">
        <v>0</v>
      </c>
      <c r="P22" s="39">
        <v>6</v>
      </c>
      <c r="Q22" s="42">
        <v>0</v>
      </c>
      <c r="R22" s="20"/>
    </row>
    <row r="23" spans="1:18" x14ac:dyDescent="0.2">
      <c r="A23" s="47" t="s">
        <v>30</v>
      </c>
      <c r="B23" s="37">
        <v>158</v>
      </c>
      <c r="C23" s="35">
        <v>0</v>
      </c>
      <c r="D23" s="39">
        <v>21</v>
      </c>
      <c r="E23" s="35">
        <v>0</v>
      </c>
      <c r="F23" s="39">
        <v>0</v>
      </c>
      <c r="G23" s="35">
        <v>0</v>
      </c>
      <c r="H23" s="39">
        <v>44</v>
      </c>
      <c r="I23" s="38">
        <v>0</v>
      </c>
      <c r="J23" s="39">
        <v>66</v>
      </c>
      <c r="K23" s="35">
        <v>0</v>
      </c>
      <c r="L23" s="39">
        <v>15</v>
      </c>
      <c r="M23" s="35">
        <v>0</v>
      </c>
      <c r="N23" s="39">
        <v>0</v>
      </c>
      <c r="O23" s="35">
        <v>0</v>
      </c>
      <c r="P23" s="39">
        <v>12</v>
      </c>
      <c r="Q23" s="42">
        <v>0</v>
      </c>
      <c r="R23" s="20"/>
    </row>
    <row r="24" spans="1:18" x14ac:dyDescent="0.2">
      <c r="A24" s="41" t="s">
        <v>31</v>
      </c>
      <c r="B24" s="37">
        <v>239</v>
      </c>
      <c r="C24" s="38">
        <v>54</v>
      </c>
      <c r="D24" s="39">
        <v>35</v>
      </c>
      <c r="E24" s="38">
        <v>1</v>
      </c>
      <c r="F24" s="39">
        <v>3</v>
      </c>
      <c r="G24" s="35">
        <v>1</v>
      </c>
      <c r="H24" s="39">
        <v>113</v>
      </c>
      <c r="I24" s="38">
        <v>47</v>
      </c>
      <c r="J24" s="39">
        <v>103</v>
      </c>
      <c r="K24" s="35">
        <v>2</v>
      </c>
      <c r="L24" s="39">
        <v>26</v>
      </c>
      <c r="M24" s="38">
        <v>17</v>
      </c>
      <c r="N24" s="39">
        <v>2</v>
      </c>
      <c r="O24" s="35">
        <v>0</v>
      </c>
      <c r="P24" s="39">
        <v>2</v>
      </c>
      <c r="Q24" s="40">
        <v>0</v>
      </c>
      <c r="R24" s="20"/>
    </row>
    <row r="25" spans="1:18" x14ac:dyDescent="0.2">
      <c r="A25" s="41" t="s">
        <v>32</v>
      </c>
      <c r="B25" s="37">
        <v>1238</v>
      </c>
      <c r="C25" s="38">
        <v>349</v>
      </c>
      <c r="D25" s="39">
        <v>125</v>
      </c>
      <c r="E25" s="38">
        <v>13</v>
      </c>
      <c r="F25" s="39">
        <v>5</v>
      </c>
      <c r="G25" s="35">
        <v>2</v>
      </c>
      <c r="H25" s="39">
        <v>421</v>
      </c>
      <c r="I25" s="38">
        <v>209</v>
      </c>
      <c r="J25" s="39">
        <v>447</v>
      </c>
      <c r="K25" s="38">
        <v>17</v>
      </c>
      <c r="L25" s="39">
        <v>181</v>
      </c>
      <c r="M25" s="38">
        <v>85</v>
      </c>
      <c r="N25" s="39">
        <v>17</v>
      </c>
      <c r="O25" s="35">
        <v>0</v>
      </c>
      <c r="P25" s="39">
        <v>42</v>
      </c>
      <c r="Q25" s="40">
        <v>23</v>
      </c>
      <c r="R25" s="20"/>
    </row>
    <row r="26" spans="1:18" x14ac:dyDescent="0.2">
      <c r="A26" s="41" t="s">
        <v>33</v>
      </c>
      <c r="B26" s="37">
        <v>522</v>
      </c>
      <c r="C26" s="38">
        <v>115</v>
      </c>
      <c r="D26" s="39">
        <v>89</v>
      </c>
      <c r="E26" s="38">
        <v>10</v>
      </c>
      <c r="F26" s="39">
        <v>8</v>
      </c>
      <c r="G26" s="38">
        <v>3</v>
      </c>
      <c r="H26" s="39">
        <v>260</v>
      </c>
      <c r="I26" s="38">
        <v>71</v>
      </c>
      <c r="J26" s="39">
        <v>113</v>
      </c>
      <c r="K26" s="38">
        <v>12</v>
      </c>
      <c r="L26" s="39">
        <v>104</v>
      </c>
      <c r="M26" s="38">
        <v>50</v>
      </c>
      <c r="N26" s="39">
        <v>11</v>
      </c>
      <c r="O26" s="38">
        <v>3</v>
      </c>
      <c r="P26" s="39">
        <v>8</v>
      </c>
      <c r="Q26" s="40">
        <v>2</v>
      </c>
      <c r="R26" s="20"/>
    </row>
    <row r="27" spans="1:18" x14ac:dyDescent="0.2">
      <c r="A27" s="41" t="s">
        <v>34</v>
      </c>
      <c r="B27" s="37">
        <v>517</v>
      </c>
      <c r="C27" s="38">
        <v>122</v>
      </c>
      <c r="D27" s="39">
        <v>100</v>
      </c>
      <c r="E27" s="38">
        <v>13</v>
      </c>
      <c r="F27" s="39">
        <v>12</v>
      </c>
      <c r="G27" s="38">
        <v>4</v>
      </c>
      <c r="H27" s="39">
        <v>252</v>
      </c>
      <c r="I27" s="38">
        <v>71</v>
      </c>
      <c r="J27" s="39">
        <v>98</v>
      </c>
      <c r="K27" s="38">
        <v>8</v>
      </c>
      <c r="L27" s="39">
        <v>112</v>
      </c>
      <c r="M27" s="38">
        <v>54</v>
      </c>
      <c r="N27" s="39">
        <v>9</v>
      </c>
      <c r="O27" s="38">
        <v>2</v>
      </c>
      <c r="P27" s="39">
        <v>6</v>
      </c>
      <c r="Q27" s="40">
        <v>4</v>
      </c>
      <c r="R27" s="20"/>
    </row>
    <row r="28" spans="1:18" x14ac:dyDescent="0.2">
      <c r="A28" s="41" t="s">
        <v>35</v>
      </c>
      <c r="B28" s="37">
        <v>14</v>
      </c>
      <c r="C28" s="38">
        <v>0</v>
      </c>
      <c r="D28" s="39">
        <v>3</v>
      </c>
      <c r="E28" s="35">
        <v>0</v>
      </c>
      <c r="F28" s="39">
        <v>0</v>
      </c>
      <c r="G28" s="35">
        <v>0</v>
      </c>
      <c r="H28" s="39">
        <v>4</v>
      </c>
      <c r="I28" s="35">
        <v>0</v>
      </c>
      <c r="J28" s="39">
        <v>7</v>
      </c>
      <c r="K28" s="35">
        <v>0</v>
      </c>
      <c r="L28" s="39">
        <v>0</v>
      </c>
      <c r="M28" s="35">
        <v>0</v>
      </c>
      <c r="N28" s="39">
        <v>0</v>
      </c>
      <c r="O28" s="35">
        <v>0</v>
      </c>
      <c r="P28" s="39">
        <v>0</v>
      </c>
      <c r="Q28" s="42">
        <v>0</v>
      </c>
      <c r="R28" s="20"/>
    </row>
    <row r="29" spans="1:18" x14ac:dyDescent="0.2">
      <c r="A29" s="41" t="s">
        <v>36</v>
      </c>
      <c r="B29" s="37">
        <v>29</v>
      </c>
      <c r="C29" s="38">
        <v>4</v>
      </c>
      <c r="D29" s="39">
        <v>3</v>
      </c>
      <c r="E29" s="35">
        <v>0</v>
      </c>
      <c r="F29" s="39">
        <v>1</v>
      </c>
      <c r="G29" s="35">
        <v>0</v>
      </c>
      <c r="H29" s="39">
        <v>2</v>
      </c>
      <c r="I29" s="38">
        <v>0</v>
      </c>
      <c r="J29" s="39">
        <v>12</v>
      </c>
      <c r="K29" s="35">
        <v>0</v>
      </c>
      <c r="L29" s="39">
        <v>5</v>
      </c>
      <c r="M29" s="35">
        <v>2</v>
      </c>
      <c r="N29" s="39">
        <v>1</v>
      </c>
      <c r="O29" s="35">
        <v>0</v>
      </c>
      <c r="P29" s="39">
        <v>5</v>
      </c>
      <c r="Q29" s="42">
        <v>2</v>
      </c>
      <c r="R29" s="20"/>
    </row>
    <row r="30" spans="1:18" x14ac:dyDescent="0.2">
      <c r="A30" s="41" t="s">
        <v>37</v>
      </c>
      <c r="B30" s="37">
        <v>16</v>
      </c>
      <c r="C30" s="38">
        <v>2</v>
      </c>
      <c r="D30" s="39">
        <v>1</v>
      </c>
      <c r="E30" s="35">
        <v>0</v>
      </c>
      <c r="F30" s="39">
        <v>0</v>
      </c>
      <c r="G30" s="35">
        <v>0</v>
      </c>
      <c r="H30" s="39">
        <v>6</v>
      </c>
      <c r="I30" s="38">
        <v>2</v>
      </c>
      <c r="J30" s="39">
        <v>7</v>
      </c>
      <c r="K30" s="35">
        <v>0</v>
      </c>
      <c r="L30" s="39">
        <v>1</v>
      </c>
      <c r="M30" s="35">
        <v>0</v>
      </c>
      <c r="N30" s="39">
        <v>0</v>
      </c>
      <c r="O30" s="35">
        <v>0</v>
      </c>
      <c r="P30" s="39">
        <v>1</v>
      </c>
      <c r="Q30" s="42">
        <v>0</v>
      </c>
      <c r="R30" s="20"/>
    </row>
    <row r="31" spans="1:18" x14ac:dyDescent="0.2">
      <c r="A31" s="41" t="s">
        <v>38</v>
      </c>
      <c r="B31" s="37">
        <v>27</v>
      </c>
      <c r="C31" s="38">
        <v>0</v>
      </c>
      <c r="D31" s="39">
        <v>5</v>
      </c>
      <c r="E31" s="35">
        <v>0</v>
      </c>
      <c r="F31" s="39">
        <v>0</v>
      </c>
      <c r="G31" s="35">
        <v>0</v>
      </c>
      <c r="H31" s="39">
        <v>10</v>
      </c>
      <c r="I31" s="35">
        <v>0</v>
      </c>
      <c r="J31" s="39">
        <v>9</v>
      </c>
      <c r="K31" s="35">
        <v>0</v>
      </c>
      <c r="L31" s="39">
        <v>2</v>
      </c>
      <c r="M31" s="35">
        <v>0</v>
      </c>
      <c r="N31" s="39">
        <v>0</v>
      </c>
      <c r="O31" s="35">
        <v>0</v>
      </c>
      <c r="P31" s="39">
        <v>1</v>
      </c>
      <c r="Q31" s="42">
        <v>0</v>
      </c>
      <c r="R31" s="20"/>
    </row>
    <row r="32" spans="1:18" x14ac:dyDescent="0.2">
      <c r="A32" s="41" t="s">
        <v>39</v>
      </c>
      <c r="B32" s="37">
        <v>23</v>
      </c>
      <c r="C32" s="38">
        <v>4</v>
      </c>
      <c r="D32" s="39">
        <v>3</v>
      </c>
      <c r="E32" s="35">
        <v>0</v>
      </c>
      <c r="F32" s="39">
        <v>0</v>
      </c>
      <c r="G32" s="35">
        <v>0</v>
      </c>
      <c r="H32" s="39">
        <v>6</v>
      </c>
      <c r="I32" s="38">
        <v>1</v>
      </c>
      <c r="J32" s="39">
        <v>6</v>
      </c>
      <c r="K32" s="35">
        <v>0</v>
      </c>
      <c r="L32" s="39">
        <v>6</v>
      </c>
      <c r="M32" s="35">
        <v>3</v>
      </c>
      <c r="N32" s="39">
        <v>0</v>
      </c>
      <c r="O32" s="35">
        <v>0</v>
      </c>
      <c r="P32" s="39">
        <v>2</v>
      </c>
      <c r="Q32" s="42">
        <v>0</v>
      </c>
      <c r="R32" s="20"/>
    </row>
    <row r="33" spans="1:18" x14ac:dyDescent="0.2">
      <c r="A33" s="41" t="s">
        <v>40</v>
      </c>
      <c r="B33" s="37">
        <v>16</v>
      </c>
      <c r="C33" s="38">
        <v>0</v>
      </c>
      <c r="D33" s="39">
        <v>3</v>
      </c>
      <c r="E33" s="35">
        <v>0</v>
      </c>
      <c r="F33" s="39">
        <v>0</v>
      </c>
      <c r="G33" s="35">
        <v>0</v>
      </c>
      <c r="H33" s="39">
        <v>3</v>
      </c>
      <c r="I33" s="35">
        <v>0</v>
      </c>
      <c r="J33" s="39">
        <v>9</v>
      </c>
      <c r="K33" s="35">
        <v>0</v>
      </c>
      <c r="L33" s="39">
        <v>2</v>
      </c>
      <c r="M33" s="35">
        <v>0</v>
      </c>
      <c r="N33" s="39">
        <v>0</v>
      </c>
      <c r="O33" s="35">
        <v>0</v>
      </c>
      <c r="P33" s="39">
        <v>0</v>
      </c>
      <c r="Q33" s="42">
        <v>0</v>
      </c>
      <c r="R33" s="20"/>
    </row>
    <row r="34" spans="1:18" x14ac:dyDescent="0.2">
      <c r="A34" s="41" t="s">
        <v>41</v>
      </c>
      <c r="B34" s="37">
        <v>12</v>
      </c>
      <c r="C34" s="38">
        <v>0</v>
      </c>
      <c r="D34" s="39">
        <v>0</v>
      </c>
      <c r="E34" s="35">
        <v>0</v>
      </c>
      <c r="F34" s="39">
        <v>0</v>
      </c>
      <c r="G34" s="35">
        <v>0</v>
      </c>
      <c r="H34" s="39">
        <v>4</v>
      </c>
      <c r="I34" s="38">
        <v>0</v>
      </c>
      <c r="J34" s="39">
        <v>6</v>
      </c>
      <c r="K34" s="35">
        <v>0</v>
      </c>
      <c r="L34" s="39">
        <v>1</v>
      </c>
      <c r="M34" s="38">
        <v>0</v>
      </c>
      <c r="N34" s="39">
        <v>0</v>
      </c>
      <c r="O34" s="35">
        <v>0</v>
      </c>
      <c r="P34" s="39">
        <v>1</v>
      </c>
      <c r="Q34" s="42">
        <v>0</v>
      </c>
      <c r="R34" s="20"/>
    </row>
    <row r="35" spans="1:18" x14ac:dyDescent="0.2">
      <c r="A35" s="41" t="s">
        <v>42</v>
      </c>
      <c r="B35" s="37">
        <v>34</v>
      </c>
      <c r="C35" s="38">
        <v>3</v>
      </c>
      <c r="D35" s="39">
        <v>6</v>
      </c>
      <c r="E35" s="35">
        <v>0</v>
      </c>
      <c r="F35" s="39">
        <v>0</v>
      </c>
      <c r="G35" s="35">
        <v>0</v>
      </c>
      <c r="H35" s="39">
        <v>6</v>
      </c>
      <c r="I35" s="38">
        <v>2</v>
      </c>
      <c r="J35" s="39">
        <v>19</v>
      </c>
      <c r="K35" s="35">
        <v>0</v>
      </c>
      <c r="L35" s="39">
        <v>2</v>
      </c>
      <c r="M35" s="35">
        <v>0</v>
      </c>
      <c r="N35" s="39">
        <v>0</v>
      </c>
      <c r="O35" s="35">
        <v>0</v>
      </c>
      <c r="P35" s="39">
        <v>3</v>
      </c>
      <c r="Q35" s="42">
        <v>1</v>
      </c>
      <c r="R35" s="20"/>
    </row>
    <row r="36" spans="1:18" x14ac:dyDescent="0.2">
      <c r="A36" s="48" t="s">
        <v>43</v>
      </c>
      <c r="B36" s="49">
        <v>481</v>
      </c>
      <c r="C36" s="50">
        <v>91</v>
      </c>
      <c r="D36" s="51">
        <v>61</v>
      </c>
      <c r="E36" s="50">
        <v>8</v>
      </c>
      <c r="F36" s="51">
        <v>25</v>
      </c>
      <c r="G36" s="50">
        <v>16</v>
      </c>
      <c r="H36" s="51">
        <v>155</v>
      </c>
      <c r="I36" s="50">
        <v>30</v>
      </c>
      <c r="J36" s="51">
        <v>216</v>
      </c>
      <c r="K36" s="52">
        <v>0</v>
      </c>
      <c r="L36" s="51">
        <v>57</v>
      </c>
      <c r="M36" s="50">
        <v>40</v>
      </c>
      <c r="N36" s="51">
        <v>6</v>
      </c>
      <c r="O36" s="52">
        <v>0</v>
      </c>
      <c r="P36" s="51">
        <v>28</v>
      </c>
      <c r="Q36" s="53">
        <v>18</v>
      </c>
      <c r="R36" s="20"/>
    </row>
    <row r="37" spans="1:18" ht="18" thickBot="1" x14ac:dyDescent="0.25">
      <c r="A37" s="54" t="s">
        <v>44</v>
      </c>
      <c r="B37" s="55">
        <v>29</v>
      </c>
      <c r="C37" s="56">
        <v>4</v>
      </c>
      <c r="D37" s="57">
        <v>2</v>
      </c>
      <c r="E37" s="58">
        <v>0</v>
      </c>
      <c r="F37" s="57">
        <v>0</v>
      </c>
      <c r="G37" s="58">
        <v>0</v>
      </c>
      <c r="H37" s="57">
        <v>11</v>
      </c>
      <c r="I37" s="56">
        <v>1</v>
      </c>
      <c r="J37" s="57">
        <v>12</v>
      </c>
      <c r="K37" s="58">
        <v>0</v>
      </c>
      <c r="L37" s="57">
        <v>2</v>
      </c>
      <c r="M37" s="58">
        <v>0</v>
      </c>
      <c r="N37" s="57">
        <v>0</v>
      </c>
      <c r="O37" s="58">
        <v>0</v>
      </c>
      <c r="P37" s="57">
        <v>3</v>
      </c>
      <c r="Q37" s="59">
        <v>3</v>
      </c>
      <c r="R37" s="20"/>
    </row>
    <row r="38" spans="1:18" x14ac:dyDescent="0.2">
      <c r="A38" s="60" t="s">
        <v>45</v>
      </c>
      <c r="B38" s="60"/>
      <c r="C38" s="60"/>
      <c r="D38" s="61"/>
      <c r="E38" s="3"/>
      <c r="F38" s="61"/>
      <c r="G38" s="3"/>
      <c r="H38" s="61"/>
      <c r="I38" s="3"/>
      <c r="J38" s="61"/>
      <c r="K38" s="3"/>
      <c r="L38" s="61"/>
      <c r="M38" s="3"/>
      <c r="N38" s="61"/>
      <c r="O38" s="3"/>
      <c r="P38" s="61"/>
      <c r="Q38" s="3"/>
    </row>
    <row r="39" spans="1:18" x14ac:dyDescent="0.2">
      <c r="A39" s="60" t="s">
        <v>46</v>
      </c>
      <c r="B39" s="60"/>
      <c r="C39" s="60"/>
      <c r="D39" s="60"/>
      <c r="E39" s="60"/>
      <c r="F39" s="61"/>
      <c r="G39" s="3"/>
      <c r="H39" s="61"/>
      <c r="I39" s="3"/>
      <c r="J39" s="61"/>
      <c r="K39" s="3"/>
      <c r="L39" s="61"/>
      <c r="M39" s="3"/>
      <c r="N39" s="61"/>
      <c r="O39" s="3"/>
      <c r="P39" s="61"/>
      <c r="Q39" s="3"/>
    </row>
    <row r="41" spans="1:18" x14ac:dyDescent="0.2">
      <c r="A41" s="62"/>
    </row>
  </sheetData>
  <mergeCells count="12">
    <mergeCell ref="A38:C38"/>
    <mergeCell ref="A39:E39"/>
    <mergeCell ref="M1:Q1"/>
    <mergeCell ref="B2:Q2"/>
    <mergeCell ref="B3:C3"/>
    <mergeCell ref="D3:E3"/>
    <mergeCell ref="F3:G3"/>
    <mergeCell ref="H3:I3"/>
    <mergeCell ref="J3:K3"/>
    <mergeCell ref="L3:M3"/>
    <mergeCell ref="N3:O3"/>
    <mergeCell ref="P3:Q3"/>
  </mergeCells>
  <phoneticPr fontId="3"/>
  <pageMargins left="1.1811023622047245" right="0.59055118110236227" top="0.59055118110236227" bottom="0.59055118110236227" header="0.39370078740157483" footer="0.39370078740157483"/>
  <pageSetup paperSize="8" orientation="landscape" r:id="rId1"/>
  <headerFooter>
    <oddHeader>&amp;R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7</vt:lpstr>
      <vt:lpstr>'5-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4:00Z</dcterms:created>
  <dcterms:modified xsi:type="dcterms:W3CDTF">2024-02-14T02:37:13Z</dcterms:modified>
</cp:coreProperties>
</file>